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s0103\07_税政G\31年度\40_税財政データ集\03_R01年度完成版\"/>
    </mc:Choice>
  </mc:AlternateContent>
  <bookViews>
    <workbookView xWindow="-570" yWindow="-50" windowWidth="8480" windowHeight="8730"/>
  </bookViews>
  <sheets>
    <sheet name="償却資産" sheetId="1" r:id="rId1"/>
  </sheets>
  <calcPr calcId="152511"/>
</workbook>
</file>

<file path=xl/sharedStrings.xml><?xml version="1.0" encoding="utf-8"?>
<sst xmlns="http://schemas.openxmlformats.org/spreadsheetml/2006/main" count="65" uniqueCount="57">
  <si>
    <t>横浜市</t>
    <rPh sb="0" eb="3">
      <t>ヨコハマシ</t>
    </rPh>
    <phoneticPr fontId="2"/>
  </si>
  <si>
    <t>川崎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区分</t>
    <rPh sb="0" eb="2">
      <t>クブン</t>
    </rPh>
    <phoneticPr fontId="2"/>
  </si>
  <si>
    <t>市町村名</t>
    <rPh sb="0" eb="3">
      <t>シチョウソン</t>
    </rPh>
    <rPh sb="3" eb="4">
      <t>メイ</t>
    </rPh>
    <phoneticPr fontId="2"/>
  </si>
  <si>
    <t>合計</t>
  </si>
  <si>
    <t>（単位：千円）</t>
    <rPh sb="1" eb="3">
      <t>タンイ</t>
    </rPh>
    <rPh sb="4" eb="6">
      <t>センエン</t>
    </rPh>
    <phoneticPr fontId="2"/>
  </si>
  <si>
    <t>神奈川県知事が価格を決定し、
配分したもの</t>
    <rPh sb="0" eb="3">
      <t>カナガワ</t>
    </rPh>
    <phoneticPr fontId="2"/>
  </si>
  <si>
    <t>県計</t>
    <rPh sb="0" eb="1">
      <t>ケン</t>
    </rPh>
    <rPh sb="1" eb="2">
      <t>ケイ</t>
    </rPh>
    <phoneticPr fontId="2"/>
  </si>
  <si>
    <t>決定価格</t>
    <rPh sb="0" eb="2">
      <t>ケッテイ</t>
    </rPh>
    <rPh sb="2" eb="4">
      <t>カカク</t>
    </rPh>
    <phoneticPr fontId="2"/>
  </si>
  <si>
    <t>課税標準額</t>
    <rPh sb="0" eb="2">
      <t>カゼイ</t>
    </rPh>
    <rPh sb="2" eb="4">
      <t>ヒョウジュン</t>
    </rPh>
    <rPh sb="4" eb="5">
      <t>ガク</t>
    </rPh>
    <phoneticPr fontId="2"/>
  </si>
  <si>
    <t>地方税法第410条第１項により
市町村長が価格を決定したもの</t>
    <rPh sb="0" eb="3">
      <t>チホウゼイ</t>
    </rPh>
    <rPh sb="3" eb="4">
      <t>ホウ</t>
    </rPh>
    <rPh sb="4" eb="5">
      <t>ダイ</t>
    </rPh>
    <rPh sb="8" eb="9">
      <t>ジョウ</t>
    </rPh>
    <rPh sb="9" eb="10">
      <t>ダイ</t>
    </rPh>
    <rPh sb="11" eb="12">
      <t>コウ</t>
    </rPh>
    <phoneticPr fontId="2"/>
  </si>
  <si>
    <t>地方税法第743条第１項により
神奈川県知事が評価し、価格を決
定したもの</t>
    <rPh sb="16" eb="19">
      <t>カナガワ</t>
    </rPh>
    <phoneticPr fontId="2"/>
  </si>
  <si>
    <t>地方税法第389条第１項により</t>
    <phoneticPr fontId="2"/>
  </si>
  <si>
    <t>総務大臣が価格を決定し、
配分したもの</t>
    <phoneticPr fontId="2"/>
  </si>
  <si>
    <t>（A)</t>
    <phoneticPr fontId="2"/>
  </si>
  <si>
    <t>（B)</t>
    <phoneticPr fontId="2"/>
  </si>
  <si>
    <t>（C)</t>
    <phoneticPr fontId="2"/>
  </si>
  <si>
    <t>（D)</t>
    <phoneticPr fontId="2"/>
  </si>
  <si>
    <t>(E)</t>
    <phoneticPr fontId="2"/>
  </si>
  <si>
    <t>(F)</t>
    <phoneticPr fontId="2"/>
  </si>
  <si>
    <t>(G)</t>
    <phoneticPr fontId="2"/>
  </si>
  <si>
    <t>(H)</t>
    <phoneticPr fontId="2"/>
  </si>
  <si>
    <t>(A)+(C)+(E)+(G)</t>
    <phoneticPr fontId="2"/>
  </si>
  <si>
    <t>（B)+(D)+(F)+(H)</t>
    <phoneticPr fontId="2"/>
  </si>
  <si>
    <t>　（６）　令和元年度償却資産の課税標準額（法定免税点以上のもの）</t>
    <rPh sb="5" eb="7">
      <t>レイワ</t>
    </rPh>
    <rPh sb="7" eb="8">
      <t>ガン</t>
    </rPh>
    <rPh sb="8" eb="9">
      <t>ネン</t>
    </rPh>
    <rPh sb="9" eb="10">
      <t>ヘイネン</t>
    </rPh>
    <rPh sb="10" eb="12">
      <t>ショウキャク</t>
    </rPh>
    <rPh sb="12" eb="14">
      <t>シサン</t>
    </rPh>
    <rPh sb="15" eb="17">
      <t>カゼイ</t>
    </rPh>
    <rPh sb="17" eb="20">
      <t>ヒョウジュンガク</t>
    </rPh>
    <rPh sb="21" eb="23">
      <t>ホウテイ</t>
    </rPh>
    <rPh sb="23" eb="28">
      <t>メンゼイテンイジョウ</t>
    </rPh>
    <phoneticPr fontId="2"/>
  </si>
  <si>
    <t>令和元年度分の固定資産の価格等の概要調書（70表）</t>
    <rPh sb="0" eb="2">
      <t>レイワ</t>
    </rPh>
    <rPh sb="2" eb="3">
      <t>ゲ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9">
    <xf numFmtId="0" fontId="0" fillId="0" borderId="0" xfId="0"/>
    <xf numFmtId="38" fontId="3" fillId="0" borderId="0" xfId="1" applyFont="1" applyFill="1" applyBorder="1" applyAlignment="1">
      <alignment vertical="center"/>
    </xf>
    <xf numFmtId="38" fontId="3" fillId="0" borderId="0" xfId="1" applyFont="1" applyFill="1" applyBorder="1" applyAlignment="1">
      <alignment horizontal="right" vertical="center"/>
    </xf>
    <xf numFmtId="38" fontId="3" fillId="0" borderId="0" xfId="1" applyFont="1" applyFill="1" applyBorder="1" applyAlignment="1">
      <alignment horizontal="center" vertical="center"/>
    </xf>
    <xf numFmtId="38" fontId="3" fillId="0" borderId="0" xfId="1" applyFont="1" applyFill="1" applyBorder="1" applyAlignment="1">
      <alignment horizontal="center" vertical="center" wrapText="1"/>
    </xf>
    <xf numFmtId="38" fontId="3" fillId="0" borderId="1" xfId="1" applyFont="1" applyFill="1" applyBorder="1" applyAlignment="1">
      <alignment vertical="center"/>
    </xf>
    <xf numFmtId="38" fontId="3" fillId="0" borderId="2" xfId="1" applyFont="1" applyFill="1" applyBorder="1" applyAlignment="1">
      <alignment vertical="center"/>
    </xf>
    <xf numFmtId="38" fontId="3" fillId="0" borderId="3" xfId="1" applyFont="1" applyFill="1" applyBorder="1" applyAlignment="1">
      <alignment vertical="center"/>
    </xf>
    <xf numFmtId="3" fontId="3" fillId="0" borderId="0" xfId="1" applyNumberFormat="1" applyFont="1" applyFill="1" applyBorder="1" applyAlignment="1">
      <alignment vertical="center"/>
    </xf>
    <xf numFmtId="38" fontId="3" fillId="0" borderId="4" xfId="1" applyFont="1" applyFill="1" applyBorder="1" applyAlignment="1">
      <alignment horizontal="right" vertical="center" wrapText="1"/>
    </xf>
    <xf numFmtId="38" fontId="3" fillId="0" borderId="4" xfId="1" applyFont="1" applyFill="1" applyBorder="1" applyAlignment="1">
      <alignment horizontal="distributed" vertical="center"/>
    </xf>
    <xf numFmtId="38" fontId="3" fillId="0" borderId="1" xfId="1" applyFont="1" applyFill="1" applyBorder="1" applyAlignment="1">
      <alignment horizontal="distributed" vertical="center"/>
    </xf>
    <xf numFmtId="38" fontId="3" fillId="0" borderId="3" xfId="1" applyFont="1" applyFill="1" applyBorder="1" applyAlignment="1">
      <alignment horizontal="distributed" vertical="center"/>
    </xf>
    <xf numFmtId="38" fontId="3" fillId="0" borderId="5" xfId="1" applyFont="1" applyFill="1" applyBorder="1" applyAlignment="1">
      <alignment horizontal="distributed" vertical="center"/>
    </xf>
    <xf numFmtId="38" fontId="3" fillId="0" borderId="6" xfId="1" applyFont="1" applyFill="1" applyBorder="1" applyAlignment="1">
      <alignment horizontal="distributed" vertical="center"/>
    </xf>
    <xf numFmtId="38" fontId="3" fillId="0" borderId="2" xfId="1" applyFont="1" applyFill="1" applyBorder="1" applyAlignment="1">
      <alignment horizontal="distributed" vertical="center"/>
    </xf>
    <xf numFmtId="38" fontId="3" fillId="0" borderId="4" xfId="1" applyFont="1" applyFill="1" applyBorder="1" applyAlignment="1">
      <alignment vertical="center"/>
    </xf>
    <xf numFmtId="38" fontId="3" fillId="0" borderId="5" xfId="1" applyFont="1" applyFill="1" applyBorder="1" applyAlignment="1">
      <alignment vertical="center"/>
    </xf>
    <xf numFmtId="38" fontId="3" fillId="0" borderId="6" xfId="1" applyFont="1" applyFill="1" applyBorder="1" applyAlignment="1">
      <alignment vertical="center"/>
    </xf>
    <xf numFmtId="38" fontId="3" fillId="0" borderId="4" xfId="1" applyFont="1" applyFill="1" applyBorder="1" applyAlignment="1">
      <alignment horizontal="center" vertical="center" wrapText="1"/>
    </xf>
    <xf numFmtId="38" fontId="3" fillId="0" borderId="1" xfId="1" applyFont="1" applyFill="1" applyBorder="1" applyAlignment="1">
      <alignment horizontal="center" vertical="center" wrapText="1"/>
    </xf>
    <xf numFmtId="38" fontId="3" fillId="0" borderId="2" xfId="1" applyFont="1" applyFill="1" applyBorder="1" applyAlignment="1">
      <alignment horizontal="center" vertical="center"/>
    </xf>
    <xf numFmtId="38" fontId="3" fillId="0" borderId="1" xfId="1" applyFont="1" applyFill="1" applyBorder="1" applyAlignment="1">
      <alignment horizontal="center" vertical="center"/>
    </xf>
    <xf numFmtId="38" fontId="4" fillId="0" borderId="0" xfId="1" applyFont="1" applyFill="1" applyBorder="1" applyAlignment="1">
      <alignment vertical="center"/>
    </xf>
    <xf numFmtId="38" fontId="3" fillId="0" borderId="7" xfId="1" applyFont="1" applyFill="1" applyBorder="1" applyAlignment="1">
      <alignment horizontal="center" vertical="center" wrapText="1"/>
    </xf>
    <xf numFmtId="38" fontId="3" fillId="0" borderId="8" xfId="1" applyFont="1" applyFill="1" applyBorder="1" applyAlignment="1">
      <alignment horizontal="center" vertical="center" wrapText="1"/>
    </xf>
    <xf numFmtId="38" fontId="3" fillId="0" borderId="9" xfId="1" applyFont="1" applyFill="1" applyBorder="1" applyAlignment="1">
      <alignment horizontal="center" vertical="center" wrapText="1"/>
    </xf>
    <xf numFmtId="38" fontId="3" fillId="0" borderId="10" xfId="1" applyFont="1" applyFill="1" applyBorder="1" applyAlignment="1">
      <alignment horizontal="center" vertical="center" wrapText="1"/>
    </xf>
    <xf numFmtId="38" fontId="3" fillId="0" borderId="11" xfId="1" applyFont="1" applyFill="1" applyBorder="1" applyAlignment="1">
      <alignment horizontal="center" vertical="center" wrapText="1"/>
    </xf>
    <xf numFmtId="38" fontId="3" fillId="0" borderId="12" xfId="1" applyFont="1" applyFill="1" applyBorder="1" applyAlignment="1">
      <alignment horizontal="center" vertical="center" wrapText="1"/>
    </xf>
    <xf numFmtId="38" fontId="3" fillId="0" borderId="7" xfId="1" applyFont="1" applyFill="1" applyBorder="1" applyAlignment="1">
      <alignment horizontal="center" vertical="center"/>
    </xf>
    <xf numFmtId="38" fontId="3" fillId="0" borderId="8" xfId="1" applyFont="1" applyFill="1" applyBorder="1" applyAlignment="1">
      <alignment horizontal="center" vertical="center"/>
    </xf>
    <xf numFmtId="38" fontId="3" fillId="0" borderId="9" xfId="1" applyFont="1" applyFill="1" applyBorder="1" applyAlignment="1">
      <alignment horizontal="center" vertical="center"/>
    </xf>
    <xf numFmtId="38" fontId="3" fillId="0" borderId="10" xfId="1" applyFont="1" applyFill="1" applyBorder="1" applyAlignment="1">
      <alignment horizontal="center" vertical="center"/>
    </xf>
    <xf numFmtId="38" fontId="3" fillId="0" borderId="11" xfId="1" applyFont="1" applyFill="1" applyBorder="1" applyAlignment="1">
      <alignment horizontal="center" vertical="center"/>
    </xf>
    <xf numFmtId="38" fontId="3" fillId="0" borderId="12" xfId="1" applyFont="1" applyFill="1" applyBorder="1" applyAlignment="1">
      <alignment horizontal="center" vertical="center"/>
    </xf>
    <xf numFmtId="38" fontId="3" fillId="0" borderId="13" xfId="1" applyFont="1" applyFill="1" applyBorder="1" applyAlignment="1">
      <alignment horizontal="center" vertical="center"/>
    </xf>
    <xf numFmtId="38" fontId="3" fillId="0" borderId="14" xfId="1" applyFont="1" applyFill="1" applyBorder="1" applyAlignment="1">
      <alignment horizontal="center" vertical="center"/>
    </xf>
    <xf numFmtId="38" fontId="3" fillId="0" borderId="15" xfId="1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7620</xdr:rowOff>
    </xdr:from>
    <xdr:to>
      <xdr:col>1</xdr:col>
      <xdr:colOff>0</xdr:colOff>
      <xdr:row>8</xdr:row>
      <xdr:rowOff>0</xdr:rowOff>
    </xdr:to>
    <xdr:sp macro="" textlink="">
      <xdr:nvSpPr>
        <xdr:cNvPr id="1033" name="Line 2"/>
        <xdr:cNvSpPr>
          <a:spLocks noChangeShapeType="1"/>
        </xdr:cNvSpPr>
      </xdr:nvSpPr>
      <xdr:spPr bwMode="auto">
        <a:xfrm flipH="1" flipV="1">
          <a:off x="0" y="533400"/>
          <a:ext cx="868680" cy="67818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43"/>
  <sheetViews>
    <sheetView tabSelected="1" workbookViewId="0">
      <pane xSplit="1" ySplit="8" topLeftCell="B9" activePane="bottomRight" state="frozen"/>
      <selection pane="topRight" activeCell="B1" sqref="B1"/>
      <selection pane="bottomLeft" activeCell="A8" sqref="A8"/>
      <selection pane="bottomRight"/>
    </sheetView>
  </sheetViews>
  <sheetFormatPr defaultColWidth="20.6328125" defaultRowHeight="11.15" customHeight="1" x14ac:dyDescent="0.2"/>
  <cols>
    <col min="1" max="1" width="12.6328125" style="1" customWidth="1"/>
    <col min="2" max="11" width="12.453125" style="1" customWidth="1"/>
    <col min="12" max="16384" width="20.6328125" style="1"/>
  </cols>
  <sheetData>
    <row r="1" spans="1:14" ht="14.15" customHeight="1" x14ac:dyDescent="0.2">
      <c r="A1" s="23" t="s">
        <v>55</v>
      </c>
      <c r="B1" s="23"/>
      <c r="N1" s="2"/>
    </row>
    <row r="2" spans="1:14" ht="14.15" customHeight="1" x14ac:dyDescent="0.2"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4"/>
    </row>
    <row r="3" spans="1:14" ht="14.15" customHeight="1" x14ac:dyDescent="0.2">
      <c r="C3" s="3"/>
      <c r="D3" s="3"/>
      <c r="E3" s="3"/>
      <c r="F3" s="3"/>
      <c r="G3" s="3"/>
      <c r="H3" s="3"/>
      <c r="I3" s="3"/>
      <c r="J3" s="3"/>
      <c r="K3" s="2" t="s">
        <v>36</v>
      </c>
      <c r="L3" s="3"/>
      <c r="M3" s="3"/>
      <c r="N3" s="3"/>
    </row>
    <row r="4" spans="1:14" ht="11.15" customHeight="1" x14ac:dyDescent="0.2">
      <c r="A4" s="9" t="s">
        <v>33</v>
      </c>
      <c r="B4" s="24" t="s">
        <v>41</v>
      </c>
      <c r="C4" s="25"/>
      <c r="D4" s="36" t="s">
        <v>43</v>
      </c>
      <c r="E4" s="37"/>
      <c r="F4" s="37"/>
      <c r="G4" s="38"/>
      <c r="H4" s="24" t="s">
        <v>42</v>
      </c>
      <c r="I4" s="25"/>
      <c r="J4" s="30" t="s">
        <v>35</v>
      </c>
      <c r="K4" s="31"/>
      <c r="L4" s="3"/>
      <c r="M4" s="3"/>
      <c r="N4" s="3"/>
    </row>
    <row r="5" spans="1:14" ht="11.15" customHeight="1" x14ac:dyDescent="0.2">
      <c r="A5" s="5"/>
      <c r="B5" s="26"/>
      <c r="C5" s="27"/>
      <c r="D5" s="24" t="s">
        <v>44</v>
      </c>
      <c r="E5" s="25"/>
      <c r="F5" s="24" t="s">
        <v>37</v>
      </c>
      <c r="G5" s="25"/>
      <c r="H5" s="26"/>
      <c r="I5" s="27"/>
      <c r="J5" s="32"/>
      <c r="K5" s="33"/>
      <c r="L5" s="3"/>
      <c r="M5" s="3"/>
      <c r="N5" s="3"/>
    </row>
    <row r="6" spans="1:14" ht="11.15" customHeight="1" x14ac:dyDescent="0.2">
      <c r="A6" s="5"/>
      <c r="B6" s="28"/>
      <c r="C6" s="29"/>
      <c r="D6" s="28"/>
      <c r="E6" s="29"/>
      <c r="F6" s="28"/>
      <c r="G6" s="29"/>
      <c r="H6" s="28"/>
      <c r="I6" s="29"/>
      <c r="J6" s="34"/>
      <c r="K6" s="35"/>
      <c r="L6" s="3"/>
      <c r="M6" s="3"/>
      <c r="N6" s="3"/>
    </row>
    <row r="7" spans="1:14" ht="11.15" customHeight="1" x14ac:dyDescent="0.2">
      <c r="A7" s="5"/>
      <c r="B7" s="19" t="s">
        <v>39</v>
      </c>
      <c r="C7" s="20" t="s">
        <v>40</v>
      </c>
      <c r="D7" s="20" t="s">
        <v>39</v>
      </c>
      <c r="E7" s="20" t="s">
        <v>40</v>
      </c>
      <c r="F7" s="20" t="s">
        <v>39</v>
      </c>
      <c r="G7" s="20" t="s">
        <v>40</v>
      </c>
      <c r="H7" s="20" t="s">
        <v>39</v>
      </c>
      <c r="I7" s="20" t="s">
        <v>40</v>
      </c>
      <c r="J7" s="20" t="s">
        <v>39</v>
      </c>
      <c r="K7" s="20" t="s">
        <v>40</v>
      </c>
      <c r="L7" s="3"/>
      <c r="M7" s="3"/>
      <c r="N7" s="3"/>
    </row>
    <row r="8" spans="1:14" ht="11.15" customHeight="1" x14ac:dyDescent="0.2">
      <c r="A8" s="6" t="s">
        <v>34</v>
      </c>
      <c r="B8" s="21" t="s">
        <v>45</v>
      </c>
      <c r="C8" s="21" t="s">
        <v>46</v>
      </c>
      <c r="D8" s="21" t="s">
        <v>47</v>
      </c>
      <c r="E8" s="21" t="s">
        <v>48</v>
      </c>
      <c r="F8" s="21" t="s">
        <v>49</v>
      </c>
      <c r="G8" s="21" t="s">
        <v>50</v>
      </c>
      <c r="H8" s="21" t="s">
        <v>51</v>
      </c>
      <c r="I8" s="21" t="s">
        <v>52</v>
      </c>
      <c r="J8" s="22" t="s">
        <v>53</v>
      </c>
      <c r="K8" s="22" t="s">
        <v>54</v>
      </c>
      <c r="L8" s="3"/>
      <c r="M8" s="3"/>
      <c r="N8" s="3"/>
    </row>
    <row r="9" spans="1:14" ht="11.15" customHeight="1" x14ac:dyDescent="0.2">
      <c r="A9" s="10" t="s">
        <v>0</v>
      </c>
      <c r="B9" s="16">
        <v>1849461636</v>
      </c>
      <c r="C9" s="16">
        <v>1818600954</v>
      </c>
      <c r="D9" s="16">
        <v>900867222</v>
      </c>
      <c r="E9" s="16">
        <v>813470127</v>
      </c>
      <c r="F9" s="16">
        <v>34252597</v>
      </c>
      <c r="G9" s="16">
        <v>30706734</v>
      </c>
      <c r="H9" s="16">
        <v>0</v>
      </c>
      <c r="I9" s="16">
        <v>0</v>
      </c>
      <c r="J9" s="16">
        <v>2784581455</v>
      </c>
      <c r="K9" s="16">
        <v>2662777815</v>
      </c>
    </row>
    <row r="10" spans="1:14" ht="11.15" customHeight="1" x14ac:dyDescent="0.2">
      <c r="A10" s="11" t="s">
        <v>1</v>
      </c>
      <c r="B10" s="5">
        <v>1122891293</v>
      </c>
      <c r="C10" s="5">
        <v>1113130843</v>
      </c>
      <c r="D10" s="5">
        <v>509689675</v>
      </c>
      <c r="E10" s="5">
        <v>466177230</v>
      </c>
      <c r="F10" s="5">
        <v>0</v>
      </c>
      <c r="G10" s="5">
        <v>0</v>
      </c>
      <c r="H10" s="5">
        <v>0</v>
      </c>
      <c r="I10" s="5">
        <v>0</v>
      </c>
      <c r="J10" s="5">
        <v>1632580968</v>
      </c>
      <c r="K10" s="5">
        <v>1579308073</v>
      </c>
    </row>
    <row r="11" spans="1:14" ht="11.15" customHeight="1" x14ac:dyDescent="0.2">
      <c r="A11" s="11" t="s">
        <v>9</v>
      </c>
      <c r="B11" s="5">
        <v>362582889</v>
      </c>
      <c r="C11" s="5">
        <v>359758004</v>
      </c>
      <c r="D11" s="5">
        <v>102672222</v>
      </c>
      <c r="E11" s="5">
        <v>97457293</v>
      </c>
      <c r="F11" s="5">
        <v>0</v>
      </c>
      <c r="G11" s="5">
        <v>0</v>
      </c>
      <c r="H11" s="5">
        <v>0</v>
      </c>
      <c r="I11" s="5">
        <v>0</v>
      </c>
      <c r="J11" s="5">
        <v>465255111</v>
      </c>
      <c r="K11" s="5">
        <v>457215297</v>
      </c>
      <c r="N11" s="8"/>
    </row>
    <row r="12" spans="1:14" ht="11.15" customHeight="1" x14ac:dyDescent="0.2">
      <c r="A12" s="10" t="s">
        <v>2</v>
      </c>
      <c r="B12" s="16">
        <v>206141645</v>
      </c>
      <c r="C12" s="16">
        <v>196920991</v>
      </c>
      <c r="D12" s="16">
        <v>104564859</v>
      </c>
      <c r="E12" s="16">
        <v>92190576</v>
      </c>
      <c r="F12" s="16">
        <v>173</v>
      </c>
      <c r="G12" s="16">
        <v>173</v>
      </c>
      <c r="H12" s="16">
        <v>0</v>
      </c>
      <c r="I12" s="16">
        <v>0</v>
      </c>
      <c r="J12" s="16">
        <v>310706677</v>
      </c>
      <c r="K12" s="16">
        <v>289111740</v>
      </c>
      <c r="N12" s="8"/>
    </row>
    <row r="13" spans="1:14" ht="11.15" customHeight="1" x14ac:dyDescent="0.2">
      <c r="A13" s="11" t="s">
        <v>3</v>
      </c>
      <c r="B13" s="5">
        <v>175167847</v>
      </c>
      <c r="C13" s="5">
        <v>174508407</v>
      </c>
      <c r="D13" s="5">
        <v>48841322</v>
      </c>
      <c r="E13" s="5">
        <v>47637853</v>
      </c>
      <c r="F13" s="5">
        <v>1249137</v>
      </c>
      <c r="G13" s="5">
        <v>1236385</v>
      </c>
      <c r="H13" s="5">
        <v>0</v>
      </c>
      <c r="I13" s="5">
        <v>0</v>
      </c>
      <c r="J13" s="5">
        <v>225258306</v>
      </c>
      <c r="K13" s="5">
        <v>223382645</v>
      </c>
      <c r="N13" s="8"/>
    </row>
    <row r="14" spans="1:14" ht="11.15" customHeight="1" x14ac:dyDescent="0.2">
      <c r="A14" s="11" t="s">
        <v>4</v>
      </c>
      <c r="B14" s="5">
        <v>74787252</v>
      </c>
      <c r="C14" s="5">
        <v>74599885</v>
      </c>
      <c r="D14" s="5">
        <v>25266472</v>
      </c>
      <c r="E14" s="5">
        <v>24005916</v>
      </c>
      <c r="F14" s="5">
        <v>5137020</v>
      </c>
      <c r="G14" s="5">
        <v>4576106</v>
      </c>
      <c r="H14" s="5">
        <v>0</v>
      </c>
      <c r="I14" s="5">
        <v>0</v>
      </c>
      <c r="J14" s="5">
        <v>105190744</v>
      </c>
      <c r="K14" s="5">
        <v>103181907</v>
      </c>
      <c r="N14" s="8"/>
    </row>
    <row r="15" spans="1:14" ht="11.15" customHeight="1" x14ac:dyDescent="0.2">
      <c r="A15" s="11" t="s">
        <v>5</v>
      </c>
      <c r="B15" s="5">
        <v>255350626</v>
      </c>
      <c r="C15" s="5">
        <v>254576916</v>
      </c>
      <c r="D15" s="5">
        <v>67555888</v>
      </c>
      <c r="E15" s="5">
        <v>65034599</v>
      </c>
      <c r="F15" s="5">
        <v>3061021</v>
      </c>
      <c r="G15" s="5">
        <v>2758569</v>
      </c>
      <c r="H15" s="5">
        <v>0</v>
      </c>
      <c r="I15" s="5">
        <v>0</v>
      </c>
      <c r="J15" s="5">
        <v>325967535</v>
      </c>
      <c r="K15" s="5">
        <v>322370084</v>
      </c>
      <c r="N15" s="8"/>
    </row>
    <row r="16" spans="1:14" ht="11.15" customHeight="1" x14ac:dyDescent="0.2">
      <c r="A16" s="11" t="s">
        <v>6</v>
      </c>
      <c r="B16" s="5">
        <v>113391352</v>
      </c>
      <c r="C16" s="5">
        <v>113074669</v>
      </c>
      <c r="D16" s="5">
        <v>95053077</v>
      </c>
      <c r="E16" s="5">
        <v>92499611</v>
      </c>
      <c r="F16" s="5">
        <v>7295984</v>
      </c>
      <c r="G16" s="5">
        <v>6025304</v>
      </c>
      <c r="H16" s="5">
        <v>0</v>
      </c>
      <c r="I16" s="5">
        <v>0</v>
      </c>
      <c r="J16" s="5">
        <v>215740413</v>
      </c>
      <c r="K16" s="5">
        <v>211599584</v>
      </c>
      <c r="N16" s="8"/>
    </row>
    <row r="17" spans="1:14" ht="11.15" customHeight="1" x14ac:dyDescent="0.2">
      <c r="A17" s="13" t="s">
        <v>7</v>
      </c>
      <c r="B17" s="17">
        <v>68714251</v>
      </c>
      <c r="C17" s="17">
        <v>68423766</v>
      </c>
      <c r="D17" s="17">
        <v>30826683</v>
      </c>
      <c r="E17" s="17">
        <v>29620029</v>
      </c>
      <c r="F17" s="17">
        <v>1958</v>
      </c>
      <c r="G17" s="17">
        <v>1958</v>
      </c>
      <c r="H17" s="17">
        <v>0</v>
      </c>
      <c r="I17" s="17">
        <v>0</v>
      </c>
      <c r="J17" s="17">
        <v>99542892</v>
      </c>
      <c r="K17" s="17">
        <v>98045753</v>
      </c>
      <c r="N17" s="8"/>
    </row>
    <row r="18" spans="1:14" ht="11.15" customHeight="1" x14ac:dyDescent="0.2">
      <c r="A18" s="11" t="s">
        <v>8</v>
      </c>
      <c r="B18" s="5">
        <v>7564853</v>
      </c>
      <c r="C18" s="5">
        <v>7522212</v>
      </c>
      <c r="D18" s="5">
        <v>12606586</v>
      </c>
      <c r="E18" s="5">
        <v>12179746</v>
      </c>
      <c r="F18" s="5">
        <v>32002</v>
      </c>
      <c r="G18" s="5">
        <v>32002</v>
      </c>
      <c r="H18" s="5">
        <v>0</v>
      </c>
      <c r="I18" s="5">
        <v>0</v>
      </c>
      <c r="J18" s="5">
        <v>20203441</v>
      </c>
      <c r="K18" s="5">
        <v>19733960</v>
      </c>
      <c r="N18" s="8"/>
    </row>
    <row r="19" spans="1:14" ht="11.15" customHeight="1" x14ac:dyDescent="0.2">
      <c r="A19" s="11" t="s">
        <v>10</v>
      </c>
      <c r="B19" s="5">
        <v>9666900</v>
      </c>
      <c r="C19" s="5">
        <v>8942876</v>
      </c>
      <c r="D19" s="5">
        <v>9351750</v>
      </c>
      <c r="E19" s="5">
        <v>9204933</v>
      </c>
      <c r="F19" s="5">
        <v>0</v>
      </c>
      <c r="G19" s="5">
        <v>0</v>
      </c>
      <c r="H19" s="5">
        <v>0</v>
      </c>
      <c r="I19" s="5">
        <v>0</v>
      </c>
      <c r="J19" s="5">
        <v>19018650</v>
      </c>
      <c r="K19" s="5">
        <v>18147809</v>
      </c>
      <c r="N19" s="8"/>
    </row>
    <row r="20" spans="1:14" ht="11.15" customHeight="1" x14ac:dyDescent="0.2">
      <c r="A20" s="11" t="s">
        <v>11</v>
      </c>
      <c r="B20" s="5">
        <v>83634018</v>
      </c>
      <c r="C20" s="5">
        <v>82603689</v>
      </c>
      <c r="D20" s="5">
        <v>37527564</v>
      </c>
      <c r="E20" s="5">
        <v>34911889</v>
      </c>
      <c r="F20" s="5">
        <v>1500630</v>
      </c>
      <c r="G20" s="5">
        <v>1027168</v>
      </c>
      <c r="H20" s="5">
        <v>0</v>
      </c>
      <c r="I20" s="5">
        <v>0</v>
      </c>
      <c r="J20" s="5">
        <v>122662212</v>
      </c>
      <c r="K20" s="5">
        <v>118542746</v>
      </c>
      <c r="N20" s="8"/>
    </row>
    <row r="21" spans="1:14" ht="11.15" customHeight="1" x14ac:dyDescent="0.2">
      <c r="A21" s="11" t="s">
        <v>12</v>
      </c>
      <c r="B21" s="5">
        <v>224205141</v>
      </c>
      <c r="C21" s="5">
        <v>223254400</v>
      </c>
      <c r="D21" s="5">
        <v>27074473</v>
      </c>
      <c r="E21" s="5">
        <v>26179078</v>
      </c>
      <c r="F21" s="5">
        <v>4251339</v>
      </c>
      <c r="G21" s="5">
        <v>2623128</v>
      </c>
      <c r="H21" s="5">
        <v>0</v>
      </c>
      <c r="I21" s="5">
        <v>0</v>
      </c>
      <c r="J21" s="5">
        <v>255530953</v>
      </c>
      <c r="K21" s="5">
        <v>252056606</v>
      </c>
      <c r="N21" s="8"/>
    </row>
    <row r="22" spans="1:14" ht="11.15" customHeight="1" x14ac:dyDescent="0.2">
      <c r="A22" s="11" t="s">
        <v>13</v>
      </c>
      <c r="B22" s="5">
        <v>92519602</v>
      </c>
      <c r="C22" s="5">
        <v>92068511</v>
      </c>
      <c r="D22" s="5">
        <v>30724720</v>
      </c>
      <c r="E22" s="5">
        <v>29114101</v>
      </c>
      <c r="F22" s="5">
        <v>6017768</v>
      </c>
      <c r="G22" s="5">
        <v>5366572</v>
      </c>
      <c r="H22" s="5">
        <v>0</v>
      </c>
      <c r="I22" s="5">
        <v>0</v>
      </c>
      <c r="J22" s="5">
        <v>129262090</v>
      </c>
      <c r="K22" s="5">
        <v>126549184</v>
      </c>
      <c r="N22" s="8"/>
    </row>
    <row r="23" spans="1:14" ht="11.15" customHeight="1" x14ac:dyDescent="0.2">
      <c r="A23" s="14" t="s">
        <v>14</v>
      </c>
      <c r="B23" s="18">
        <v>71328316</v>
      </c>
      <c r="C23" s="18">
        <v>70912480</v>
      </c>
      <c r="D23" s="18">
        <v>21850351</v>
      </c>
      <c r="E23" s="18">
        <v>20633479</v>
      </c>
      <c r="F23" s="18">
        <v>1527331</v>
      </c>
      <c r="G23" s="18">
        <v>916237</v>
      </c>
      <c r="H23" s="18">
        <v>0</v>
      </c>
      <c r="I23" s="18">
        <v>0</v>
      </c>
      <c r="J23" s="18">
        <v>94705998</v>
      </c>
      <c r="K23" s="18">
        <v>92462196</v>
      </c>
      <c r="N23" s="8"/>
    </row>
    <row r="24" spans="1:14" ht="11.15" customHeight="1" x14ac:dyDescent="0.2">
      <c r="A24" s="11" t="s">
        <v>15</v>
      </c>
      <c r="B24" s="5">
        <v>81431035</v>
      </c>
      <c r="C24" s="5">
        <v>81071570</v>
      </c>
      <c r="D24" s="5">
        <v>29130138</v>
      </c>
      <c r="E24" s="5">
        <v>26805439</v>
      </c>
      <c r="F24" s="5">
        <v>13032434</v>
      </c>
      <c r="G24" s="5">
        <v>11718531</v>
      </c>
      <c r="H24" s="5">
        <v>0</v>
      </c>
      <c r="I24" s="5">
        <v>0</v>
      </c>
      <c r="J24" s="5">
        <v>123593607</v>
      </c>
      <c r="K24" s="5">
        <v>119595540</v>
      </c>
      <c r="N24" s="8"/>
    </row>
    <row r="25" spans="1:14" ht="11.15" customHeight="1" x14ac:dyDescent="0.2">
      <c r="A25" s="11" t="s">
        <v>16</v>
      </c>
      <c r="B25" s="5">
        <v>66635723</v>
      </c>
      <c r="C25" s="5">
        <v>66024505</v>
      </c>
      <c r="D25" s="5">
        <v>17855163</v>
      </c>
      <c r="E25" s="5">
        <v>16255924</v>
      </c>
      <c r="F25" s="5">
        <v>714313</v>
      </c>
      <c r="G25" s="5">
        <v>638048</v>
      </c>
      <c r="H25" s="5">
        <v>0</v>
      </c>
      <c r="I25" s="5">
        <v>0</v>
      </c>
      <c r="J25" s="5">
        <v>85205199</v>
      </c>
      <c r="K25" s="5">
        <v>82918477</v>
      </c>
      <c r="N25" s="8"/>
    </row>
    <row r="26" spans="1:14" ht="11.15" customHeight="1" x14ac:dyDescent="0.2">
      <c r="A26" s="11" t="s">
        <v>17</v>
      </c>
      <c r="B26" s="5">
        <v>36876744</v>
      </c>
      <c r="C26" s="5">
        <v>36362478</v>
      </c>
      <c r="D26" s="5">
        <v>11253102</v>
      </c>
      <c r="E26" s="5">
        <v>11216651</v>
      </c>
      <c r="F26" s="5">
        <v>488672</v>
      </c>
      <c r="G26" s="5">
        <v>426607</v>
      </c>
      <c r="H26" s="5">
        <v>0</v>
      </c>
      <c r="I26" s="5">
        <v>0</v>
      </c>
      <c r="J26" s="5">
        <v>48618518</v>
      </c>
      <c r="K26" s="5">
        <v>48005736</v>
      </c>
      <c r="N26" s="8"/>
    </row>
    <row r="27" spans="1:14" ht="11.15" customHeight="1" x14ac:dyDescent="0.2">
      <c r="A27" s="15" t="s">
        <v>18</v>
      </c>
      <c r="B27" s="6">
        <v>65537027</v>
      </c>
      <c r="C27" s="6">
        <v>64434280</v>
      </c>
      <c r="D27" s="6">
        <v>10974364</v>
      </c>
      <c r="E27" s="6">
        <v>10539884</v>
      </c>
      <c r="F27" s="6">
        <v>0</v>
      </c>
      <c r="G27" s="6">
        <v>0</v>
      </c>
      <c r="H27" s="6">
        <v>0</v>
      </c>
      <c r="I27" s="6">
        <v>0</v>
      </c>
      <c r="J27" s="6">
        <v>76511391</v>
      </c>
      <c r="K27" s="6">
        <v>74974164</v>
      </c>
      <c r="N27" s="8"/>
    </row>
    <row r="28" spans="1:14" ht="11.15" customHeight="1" x14ac:dyDescent="0.2">
      <c r="A28" s="10" t="s">
        <v>19</v>
      </c>
      <c r="B28" s="16">
        <v>5142775</v>
      </c>
      <c r="C28" s="16">
        <v>5135744</v>
      </c>
      <c r="D28" s="16">
        <v>3252912</v>
      </c>
      <c r="E28" s="16">
        <v>3076157</v>
      </c>
      <c r="F28" s="16">
        <v>50852</v>
      </c>
      <c r="G28" s="16">
        <v>50852</v>
      </c>
      <c r="H28" s="16">
        <v>0</v>
      </c>
      <c r="I28" s="16">
        <v>0</v>
      </c>
      <c r="J28" s="16">
        <v>8446539</v>
      </c>
      <c r="K28" s="16">
        <v>8262753</v>
      </c>
      <c r="N28" s="8"/>
    </row>
    <row r="29" spans="1:14" ht="11.15" customHeight="1" x14ac:dyDescent="0.2">
      <c r="A29" s="11" t="s">
        <v>20</v>
      </c>
      <c r="B29" s="5">
        <v>57118769</v>
      </c>
      <c r="C29" s="5">
        <v>56690777</v>
      </c>
      <c r="D29" s="5">
        <v>9963904</v>
      </c>
      <c r="E29" s="5">
        <v>9726058</v>
      </c>
      <c r="F29" s="5">
        <v>0</v>
      </c>
      <c r="G29" s="5">
        <v>0</v>
      </c>
      <c r="H29" s="5">
        <v>0</v>
      </c>
      <c r="I29" s="5">
        <v>0</v>
      </c>
      <c r="J29" s="5">
        <v>67082673</v>
      </c>
      <c r="K29" s="5">
        <v>66416835</v>
      </c>
      <c r="N29" s="8"/>
    </row>
    <row r="30" spans="1:14" ht="11.15" customHeight="1" x14ac:dyDescent="0.2">
      <c r="A30" s="11" t="s">
        <v>21</v>
      </c>
      <c r="B30" s="5">
        <v>6697393</v>
      </c>
      <c r="C30" s="5">
        <v>6670144</v>
      </c>
      <c r="D30" s="5">
        <v>18548837</v>
      </c>
      <c r="E30" s="5">
        <v>18376173</v>
      </c>
      <c r="F30" s="5">
        <v>317517</v>
      </c>
      <c r="G30" s="5">
        <v>317517</v>
      </c>
      <c r="H30" s="5">
        <v>0</v>
      </c>
      <c r="I30" s="5">
        <v>0</v>
      </c>
      <c r="J30" s="5">
        <v>25563747</v>
      </c>
      <c r="K30" s="5">
        <v>25363834</v>
      </c>
      <c r="N30" s="8"/>
    </row>
    <row r="31" spans="1:14" ht="11.15" customHeight="1" x14ac:dyDescent="0.2">
      <c r="A31" s="11" t="s">
        <v>22</v>
      </c>
      <c r="B31" s="5">
        <v>3109548</v>
      </c>
      <c r="C31" s="5">
        <v>3054079</v>
      </c>
      <c r="D31" s="5">
        <v>9998524</v>
      </c>
      <c r="E31" s="5">
        <v>9938345</v>
      </c>
      <c r="F31" s="5">
        <v>493408</v>
      </c>
      <c r="G31" s="5">
        <v>406686</v>
      </c>
      <c r="H31" s="5">
        <v>0</v>
      </c>
      <c r="I31" s="5">
        <v>0</v>
      </c>
      <c r="J31" s="5">
        <v>13601480</v>
      </c>
      <c r="K31" s="5">
        <v>13399110</v>
      </c>
      <c r="N31" s="8"/>
    </row>
    <row r="32" spans="1:14" ht="11.15" customHeight="1" x14ac:dyDescent="0.2">
      <c r="A32" s="13" t="s">
        <v>23</v>
      </c>
      <c r="B32" s="17">
        <v>27106779</v>
      </c>
      <c r="C32" s="17">
        <v>27010167</v>
      </c>
      <c r="D32" s="17">
        <v>2292387</v>
      </c>
      <c r="E32" s="17">
        <v>2197787</v>
      </c>
      <c r="F32" s="17">
        <v>116450</v>
      </c>
      <c r="G32" s="17">
        <v>116450</v>
      </c>
      <c r="H32" s="17">
        <v>0</v>
      </c>
      <c r="I32" s="17">
        <v>0</v>
      </c>
      <c r="J32" s="17">
        <v>29515616</v>
      </c>
      <c r="K32" s="17">
        <v>29324404</v>
      </c>
      <c r="N32" s="8"/>
    </row>
    <row r="33" spans="1:14" ht="11.15" customHeight="1" x14ac:dyDescent="0.2">
      <c r="A33" s="14" t="s">
        <v>24</v>
      </c>
      <c r="B33" s="18">
        <v>9443278</v>
      </c>
      <c r="C33" s="18">
        <v>9418845</v>
      </c>
      <c r="D33" s="18">
        <v>1821471</v>
      </c>
      <c r="E33" s="18">
        <v>1797928</v>
      </c>
      <c r="F33" s="18">
        <v>157792</v>
      </c>
      <c r="G33" s="18">
        <v>127400</v>
      </c>
      <c r="H33" s="18">
        <v>0</v>
      </c>
      <c r="I33" s="18">
        <v>0</v>
      </c>
      <c r="J33" s="18">
        <v>11422541</v>
      </c>
      <c r="K33" s="18">
        <v>11344173</v>
      </c>
      <c r="N33" s="8"/>
    </row>
    <row r="34" spans="1:14" ht="11.15" customHeight="1" x14ac:dyDescent="0.2">
      <c r="A34" s="11" t="s">
        <v>25</v>
      </c>
      <c r="B34" s="5">
        <v>2943499</v>
      </c>
      <c r="C34" s="5">
        <v>2925322</v>
      </c>
      <c r="D34" s="5">
        <v>7498862</v>
      </c>
      <c r="E34" s="5">
        <v>6876735</v>
      </c>
      <c r="F34" s="5">
        <v>95094</v>
      </c>
      <c r="G34" s="5">
        <v>95094</v>
      </c>
      <c r="H34" s="5">
        <v>0</v>
      </c>
      <c r="I34" s="5">
        <v>0</v>
      </c>
      <c r="J34" s="5">
        <v>10537455</v>
      </c>
      <c r="K34" s="5">
        <v>9897151</v>
      </c>
      <c r="N34" s="8"/>
    </row>
    <row r="35" spans="1:14" ht="11.15" customHeight="1" x14ac:dyDescent="0.2">
      <c r="A35" s="11" t="s">
        <v>26</v>
      </c>
      <c r="B35" s="5">
        <v>10188864</v>
      </c>
      <c r="C35" s="5">
        <v>10098084</v>
      </c>
      <c r="D35" s="5">
        <v>8579883</v>
      </c>
      <c r="E35" s="5">
        <v>8554299</v>
      </c>
      <c r="F35" s="5">
        <v>0</v>
      </c>
      <c r="G35" s="5">
        <v>0</v>
      </c>
      <c r="H35" s="5">
        <v>0</v>
      </c>
      <c r="I35" s="5">
        <v>0</v>
      </c>
      <c r="J35" s="5">
        <v>18768747</v>
      </c>
      <c r="K35" s="5">
        <v>18652383</v>
      </c>
      <c r="N35" s="8"/>
    </row>
    <row r="36" spans="1:14" ht="11.15" customHeight="1" x14ac:dyDescent="0.2">
      <c r="A36" s="11" t="s">
        <v>27</v>
      </c>
      <c r="B36" s="5">
        <v>13325990</v>
      </c>
      <c r="C36" s="5">
        <v>13131207</v>
      </c>
      <c r="D36" s="5">
        <v>4762929</v>
      </c>
      <c r="E36" s="5">
        <v>4242241</v>
      </c>
      <c r="F36" s="5">
        <v>176588</v>
      </c>
      <c r="G36" s="5">
        <v>119756</v>
      </c>
      <c r="H36" s="5">
        <v>0</v>
      </c>
      <c r="I36" s="5">
        <v>0</v>
      </c>
      <c r="J36" s="5">
        <v>18265507</v>
      </c>
      <c r="K36" s="5">
        <v>17493204</v>
      </c>
      <c r="N36" s="8"/>
    </row>
    <row r="37" spans="1:14" ht="11.15" customHeight="1" x14ac:dyDescent="0.2">
      <c r="A37" s="13" t="s">
        <v>28</v>
      </c>
      <c r="B37" s="17">
        <v>29279520</v>
      </c>
      <c r="C37" s="17">
        <v>29147065</v>
      </c>
      <c r="D37" s="17">
        <v>8185279</v>
      </c>
      <c r="E37" s="17">
        <v>8014306</v>
      </c>
      <c r="F37" s="17">
        <v>6759810</v>
      </c>
      <c r="G37" s="17">
        <v>6172971</v>
      </c>
      <c r="H37" s="17">
        <v>0</v>
      </c>
      <c r="I37" s="17">
        <v>0</v>
      </c>
      <c r="J37" s="17">
        <v>44224609</v>
      </c>
      <c r="K37" s="17">
        <v>43334342</v>
      </c>
      <c r="N37" s="8"/>
    </row>
    <row r="38" spans="1:14" ht="11.15" customHeight="1" x14ac:dyDescent="0.2">
      <c r="A38" s="14" t="s">
        <v>29</v>
      </c>
      <c r="B38" s="18">
        <v>1393709</v>
      </c>
      <c r="C38" s="18">
        <v>1352575</v>
      </c>
      <c r="D38" s="18">
        <v>5388679</v>
      </c>
      <c r="E38" s="18">
        <v>5352249</v>
      </c>
      <c r="F38" s="18">
        <v>0</v>
      </c>
      <c r="G38" s="18">
        <v>0</v>
      </c>
      <c r="H38" s="18">
        <v>0</v>
      </c>
      <c r="I38" s="18">
        <v>0</v>
      </c>
      <c r="J38" s="18">
        <v>6782388</v>
      </c>
      <c r="K38" s="18">
        <v>6704824</v>
      </c>
      <c r="N38" s="8"/>
    </row>
    <row r="39" spans="1:14" ht="11.15" customHeight="1" x14ac:dyDescent="0.2">
      <c r="A39" s="11" t="s">
        <v>30</v>
      </c>
      <c r="B39" s="5">
        <v>5716121</v>
      </c>
      <c r="C39" s="5">
        <v>5647123</v>
      </c>
      <c r="D39" s="5">
        <v>12724526</v>
      </c>
      <c r="E39" s="5">
        <v>12677693</v>
      </c>
      <c r="F39" s="5">
        <v>308567</v>
      </c>
      <c r="G39" s="5">
        <v>308567</v>
      </c>
      <c r="H39" s="5">
        <v>0</v>
      </c>
      <c r="I39" s="5">
        <v>0</v>
      </c>
      <c r="J39" s="5">
        <v>18749214</v>
      </c>
      <c r="K39" s="5">
        <v>18633383</v>
      </c>
      <c r="N39" s="8"/>
    </row>
    <row r="40" spans="1:14" ht="11.15" customHeight="1" x14ac:dyDescent="0.2">
      <c r="A40" s="11" t="s">
        <v>31</v>
      </c>
      <c r="B40" s="5">
        <v>57693189</v>
      </c>
      <c r="C40" s="5">
        <v>57439059</v>
      </c>
      <c r="D40" s="5">
        <v>4286112</v>
      </c>
      <c r="E40" s="5">
        <v>4265075</v>
      </c>
      <c r="F40" s="5">
        <v>388792</v>
      </c>
      <c r="G40" s="5">
        <v>231453</v>
      </c>
      <c r="H40" s="5">
        <v>0</v>
      </c>
      <c r="I40" s="5">
        <v>0</v>
      </c>
      <c r="J40" s="5">
        <v>62368093</v>
      </c>
      <c r="K40" s="5">
        <v>61935587</v>
      </c>
      <c r="N40" s="8"/>
    </row>
    <row r="41" spans="1:14" ht="11.15" customHeight="1" x14ac:dyDescent="0.2">
      <c r="A41" s="11" t="s">
        <v>32</v>
      </c>
      <c r="B41" s="5">
        <v>1418320</v>
      </c>
      <c r="C41" s="5">
        <v>1418320</v>
      </c>
      <c r="D41" s="5">
        <v>1112873</v>
      </c>
      <c r="E41" s="5">
        <v>1112873</v>
      </c>
      <c r="F41" s="5">
        <v>0</v>
      </c>
      <c r="G41" s="5">
        <v>0</v>
      </c>
      <c r="H41" s="5">
        <v>0</v>
      </c>
      <c r="I41" s="5">
        <v>0</v>
      </c>
      <c r="J41" s="5">
        <v>2531193</v>
      </c>
      <c r="K41" s="5">
        <v>2531193</v>
      </c>
      <c r="N41" s="8"/>
    </row>
    <row r="42" spans="1:14" ht="19.5" customHeight="1" x14ac:dyDescent="0.2">
      <c r="A42" s="12" t="s">
        <v>38</v>
      </c>
      <c r="B42" s="7">
        <v>5198465904</v>
      </c>
      <c r="C42" s="7">
        <v>5135929947</v>
      </c>
      <c r="D42" s="7">
        <v>2192102809</v>
      </c>
      <c r="E42" s="7">
        <v>2021342277</v>
      </c>
      <c r="F42" s="7">
        <v>87427249</v>
      </c>
      <c r="G42" s="7">
        <v>76000268</v>
      </c>
      <c r="H42" s="7">
        <v>0</v>
      </c>
      <c r="I42" s="7">
        <v>0</v>
      </c>
      <c r="J42" s="7">
        <v>7477995962</v>
      </c>
      <c r="K42" s="7">
        <v>7233272492</v>
      </c>
      <c r="N42" s="8"/>
    </row>
    <row r="43" spans="1:14" ht="11.15" customHeight="1" x14ac:dyDescent="0.2">
      <c r="A43" s="1" t="s">
        <v>56</v>
      </c>
    </row>
  </sheetData>
  <mergeCells count="6">
    <mergeCell ref="B4:C6"/>
    <mergeCell ref="J4:K6"/>
    <mergeCell ref="D4:G4"/>
    <mergeCell ref="H4:I6"/>
    <mergeCell ref="F5:G6"/>
    <mergeCell ref="D5:E6"/>
  </mergeCells>
  <phoneticPr fontId="2"/>
  <printOptions verticalCentered="1"/>
  <pageMargins left="0.98425196850393704" right="0.98425196850393704" top="0.39370078740157483" bottom="0.39370078740157483" header="0.51181102362204722" footer="0.31496062992125984"/>
  <pageSetup paperSize="9" scale="92" firstPageNumber="298" orientation="landscape" useFirstPageNumber="1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償却資産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 英樹</dc:creator>
  <cp:lastModifiedBy>user</cp:lastModifiedBy>
  <cp:lastPrinted>2018-01-16T08:14:17Z</cp:lastPrinted>
  <dcterms:created xsi:type="dcterms:W3CDTF">1997-01-08T22:48:59Z</dcterms:created>
  <dcterms:modified xsi:type="dcterms:W3CDTF">2020-02-07T01:26:05Z</dcterms:modified>
</cp:coreProperties>
</file>